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1500385\Dropbox\GPL Submissions\GPL Subm v24\GPL2305 Malaspina et al\Supp info\"/>
    </mc:Choice>
  </mc:AlternateContent>
  <bookViews>
    <workbookView xWindow="28680" yWindow="-120" windowWidth="29040" windowHeight="1584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3" uniqueCount="49">
  <si>
    <t>Sample</t>
  </si>
  <si>
    <t>Rock type</t>
  </si>
  <si>
    <t>Mineral assemblage</t>
  </si>
  <si>
    <t>Microstructure</t>
  </si>
  <si>
    <t>DB177</t>
  </si>
  <si>
    <t>DB178</t>
  </si>
  <si>
    <t>DB179</t>
  </si>
  <si>
    <t>Distance from the contact (m)</t>
  </si>
  <si>
    <t>Tremolitite</t>
  </si>
  <si>
    <t>DB181</t>
  </si>
  <si>
    <t>Chl-peridotite</t>
  </si>
  <si>
    <t>DB182</t>
  </si>
  <si>
    <t>DB146</t>
  </si>
  <si>
    <t>DB185</t>
  </si>
  <si>
    <t>DB186</t>
  </si>
  <si>
    <t>DB153</t>
  </si>
  <si>
    <t>DB154</t>
  </si>
  <si>
    <t>DB158</t>
  </si>
  <si>
    <t>DB187</t>
  </si>
  <si>
    <t>DB188</t>
  </si>
  <si>
    <t>DB189</t>
  </si>
  <si>
    <t>DB190</t>
  </si>
  <si>
    <t xml:space="preserve">Chl-peridotite </t>
  </si>
  <si>
    <t>Ol-Opx-Chl-Phl</t>
  </si>
  <si>
    <t>DB151</t>
  </si>
  <si>
    <t>Ol-Opx-Chl-Amp-Phl</t>
  </si>
  <si>
    <t>Ol-Opx-Chl-Amp</t>
  </si>
  <si>
    <r>
      <t>Relict Hbl; Tr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+Phl</t>
    </r>
    <r>
      <rPr>
        <vertAlign val="subscript"/>
        <sz val="12"/>
        <color theme="1"/>
        <rFont val="Calibri (Body)"/>
      </rPr>
      <t>3</t>
    </r>
    <r>
      <rPr>
        <sz val="12"/>
        <color theme="1"/>
        <rFont val="Calibri"/>
        <family val="2"/>
        <scheme val="minor"/>
      </rPr>
      <t>; porphyroblastic Tr</t>
    </r>
    <r>
      <rPr>
        <vertAlign val="subscript"/>
        <sz val="12"/>
        <color theme="1"/>
        <rFont val="Calibri (Body)"/>
      </rPr>
      <t>2</t>
    </r>
  </si>
  <si>
    <r>
      <t>Tr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+Phl</t>
    </r>
    <r>
      <rPr>
        <vertAlign val="subscript"/>
        <sz val="12"/>
        <color theme="1"/>
        <rFont val="Calibri (Body)"/>
      </rPr>
      <t>3</t>
    </r>
    <r>
      <rPr>
        <sz val="12"/>
        <color theme="1"/>
        <rFont val="Calibri"/>
        <family val="2"/>
        <scheme val="minor"/>
      </rPr>
      <t>; Tr pseudomorphs after Grt; porphyroblastic Tr</t>
    </r>
    <r>
      <rPr>
        <vertAlign val="subscript"/>
        <sz val="12"/>
        <color theme="1"/>
        <rFont val="Calibri (Body)"/>
      </rPr>
      <t>2</t>
    </r>
  </si>
  <si>
    <t>Tr-Phl-Hbl</t>
  </si>
  <si>
    <t>Tr-Phl</t>
  </si>
  <si>
    <t>Tr-Phl-Hbl-Chl-Tlc</t>
  </si>
  <si>
    <r>
      <t>Relict Hbl; Tr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+Phl</t>
    </r>
    <r>
      <rPr>
        <vertAlign val="subscript"/>
        <sz val="12"/>
        <color theme="1"/>
        <rFont val="Calibri (Body)"/>
      </rPr>
      <t>3</t>
    </r>
    <r>
      <rPr>
        <sz val="12"/>
        <color theme="1"/>
        <rFont val="Calibri"/>
        <family val="2"/>
        <scheme val="minor"/>
      </rPr>
      <t>; Tr+Phl+Tlc pseudomorphs after Grt; Tr</t>
    </r>
    <r>
      <rPr>
        <vertAlign val="subscript"/>
        <sz val="12"/>
        <color theme="1"/>
        <rFont val="Calibri (Body)"/>
      </rPr>
      <t>2</t>
    </r>
  </si>
  <si>
    <t>Ol-Opx-Chl-Amp-Srp</t>
  </si>
  <si>
    <t>Ol-Opx-Amp-Phl-Srp</t>
  </si>
  <si>
    <t>Ol-Opx-Chl-Amp-Phl-Srp</t>
  </si>
  <si>
    <r>
      <t>Ol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+Opx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; Chl</t>
    </r>
    <r>
      <rPr>
        <vertAlign val="subscript"/>
        <sz val="12"/>
        <color theme="1"/>
        <rFont val="Calibri (Body)"/>
      </rPr>
      <t>3</t>
    </r>
    <r>
      <rPr>
        <sz val="12"/>
        <color theme="1"/>
        <rFont val="Calibri"/>
        <family val="2"/>
        <scheme val="minor"/>
      </rPr>
      <t>+Amp</t>
    </r>
    <r>
      <rPr>
        <vertAlign val="subscript"/>
        <sz val="12"/>
        <color theme="1"/>
        <rFont val="Calibri (Body)"/>
      </rPr>
      <t>3</t>
    </r>
    <r>
      <rPr>
        <sz val="12"/>
        <color theme="1"/>
        <rFont val="Calibri"/>
        <family val="2"/>
        <scheme val="minor"/>
      </rPr>
      <t xml:space="preserve"> foliation</t>
    </r>
  </si>
  <si>
    <t>Tr-Hbl-Chl</t>
  </si>
  <si>
    <r>
      <t>Relict Hbl; Tr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+Chl</t>
    </r>
  </si>
  <si>
    <r>
      <t>Ol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+Opx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; Chl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 xml:space="preserve"> pseudomorphs after Grt; Opx</t>
    </r>
    <r>
      <rPr>
        <vertAlign val="subscript"/>
        <sz val="12"/>
        <color theme="1"/>
        <rFont val="Calibri (Body)"/>
      </rPr>
      <t>porph</t>
    </r>
    <r>
      <rPr>
        <sz val="12"/>
        <color theme="1"/>
        <rFont val="Calibri"/>
        <family val="2"/>
        <scheme val="minor"/>
      </rPr>
      <t>+Phl</t>
    </r>
    <r>
      <rPr>
        <vertAlign val="subscript"/>
        <sz val="12"/>
        <color theme="1"/>
        <rFont val="Calibri (Body)"/>
      </rPr>
      <t>porph</t>
    </r>
  </si>
  <si>
    <r>
      <t>Ol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+Opx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; Amp</t>
    </r>
    <r>
      <rPr>
        <vertAlign val="subscript"/>
        <sz val="12"/>
        <color theme="1"/>
        <rFont val="Calibri (Body)"/>
      </rPr>
      <t xml:space="preserve">1; </t>
    </r>
    <r>
      <rPr>
        <sz val="12"/>
        <color theme="1"/>
        <rFont val="Calibri"/>
        <family val="2"/>
        <scheme val="minor"/>
      </rPr>
      <t>Phl</t>
    </r>
    <r>
      <rPr>
        <vertAlign val="subscript"/>
        <sz val="12"/>
        <color theme="1"/>
        <rFont val="Calibri (Body)"/>
      </rPr>
      <t xml:space="preserve">porph; </t>
    </r>
    <r>
      <rPr>
        <sz val="12"/>
        <color theme="1"/>
        <rFont val="Calibri (Body)"/>
      </rPr>
      <t>strongly serpentinised</t>
    </r>
  </si>
  <si>
    <r>
      <t>Ol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+Opx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; Chl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 xml:space="preserve"> pseudomorphs after Grt; Opx</t>
    </r>
    <r>
      <rPr>
        <vertAlign val="subscript"/>
        <sz val="12"/>
        <color theme="1"/>
        <rFont val="Calibri (Body)"/>
      </rPr>
      <t>porph</t>
    </r>
    <r>
      <rPr>
        <sz val="12"/>
        <color theme="1"/>
        <rFont val="Calibri"/>
        <family val="2"/>
        <scheme val="minor"/>
      </rPr>
      <t>+Phl</t>
    </r>
    <r>
      <rPr>
        <vertAlign val="subscript"/>
        <sz val="12"/>
        <color theme="1"/>
        <rFont val="Calibri (Body)"/>
      </rPr>
      <t>porph</t>
    </r>
    <r>
      <rPr>
        <sz val="12"/>
        <color theme="1"/>
        <rFont val="Calibri"/>
        <family val="2"/>
        <scheme val="minor"/>
      </rPr>
      <t>; Ol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+Opx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+Amp</t>
    </r>
    <r>
      <rPr>
        <vertAlign val="subscript"/>
        <sz val="12"/>
        <color theme="1"/>
        <rFont val="Calibri (Body)"/>
      </rPr>
      <t>2</t>
    </r>
  </si>
  <si>
    <r>
      <t>Ol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+Opx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 xml:space="preserve">; </t>
    </r>
    <r>
      <rPr>
        <u/>
        <sz val="12"/>
        <color theme="1"/>
        <rFont val="Calibri (Body)"/>
      </rPr>
      <t>+</t>
    </r>
    <r>
      <rPr>
        <sz val="12"/>
        <color theme="1"/>
        <rFont val="Calibri"/>
        <family val="2"/>
        <scheme val="minor"/>
      </rPr>
      <t>Chl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 xml:space="preserve"> pseudomorphs after Grt; Ol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+Opx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+Amp</t>
    </r>
    <r>
      <rPr>
        <vertAlign val="subscript"/>
        <sz val="12"/>
        <color theme="1"/>
        <rFont val="Calibri (Body)"/>
      </rPr>
      <t>2</t>
    </r>
  </si>
  <si>
    <t>Ol-Opx-Cpx-Chl-Phl-Srp</t>
  </si>
  <si>
    <r>
      <t>Ol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+Opx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 (Body)"/>
      </rPr>
      <t>+Cpx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>; Chl</t>
    </r>
    <r>
      <rPr>
        <vertAlign val="subscript"/>
        <sz val="12"/>
        <color theme="1"/>
        <rFont val="Calibri (Body)"/>
      </rPr>
      <t>1</t>
    </r>
    <r>
      <rPr>
        <sz val="12"/>
        <color theme="1"/>
        <rFont val="Calibri"/>
        <family val="2"/>
        <scheme val="minor"/>
      </rPr>
      <t xml:space="preserve"> pseudomorphs after Grt; Phl</t>
    </r>
    <r>
      <rPr>
        <vertAlign val="subscript"/>
        <sz val="12"/>
        <color theme="1"/>
        <rFont val="Calibri (Body)"/>
      </rPr>
      <t>porph</t>
    </r>
    <r>
      <rPr>
        <sz val="12"/>
        <color theme="1"/>
        <rFont val="Calibri"/>
        <family val="2"/>
        <scheme val="minor"/>
      </rPr>
      <t>; Ol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+Opx</t>
    </r>
    <r>
      <rPr>
        <vertAlign val="subscript"/>
        <sz val="12"/>
        <color theme="1"/>
        <rFont val="Calibri (Body)"/>
      </rPr>
      <t>2</t>
    </r>
  </si>
  <si>
    <t xml:space="preserve">© 2023 The Authors </t>
  </si>
  <si>
    <t>Published by the European Association of Geochemistry under Creative Commons License CC-BY-NC-ND.</t>
  </si>
  <si>
    <r>
      <rPr>
        <b/>
        <sz val="12"/>
        <color theme="1"/>
        <rFont val="Calibri"/>
        <family val="2"/>
        <scheme val="minor"/>
      </rPr>
      <t>Table S-1</t>
    </r>
    <r>
      <rPr>
        <sz val="12"/>
        <color theme="1"/>
        <rFont val="Calibri"/>
        <family val="2"/>
        <scheme val="minor"/>
      </rPr>
      <t xml:space="preserve"> Sample distance from the contact, mineral association, and microstructure of the studied profile. See </t>
    </r>
    <r>
      <rPr>
        <b/>
        <sz val="12"/>
        <color theme="1"/>
        <rFont val="Calibri"/>
        <family val="2"/>
        <scheme val="minor"/>
      </rPr>
      <t>Table S-2</t>
    </r>
    <r>
      <rPr>
        <sz val="12"/>
        <color theme="1"/>
        <rFont val="Calibri"/>
        <family val="2"/>
        <scheme val="minor"/>
      </rPr>
      <t xml:space="preserve"> for mineral generations.</t>
    </r>
  </si>
  <si>
    <r>
      <rPr>
        <sz val="12"/>
        <rFont val="Calibri"/>
        <family val="2"/>
        <scheme val="minor"/>
      </rPr>
      <t xml:space="preserve">Malaspina </t>
    </r>
    <r>
      <rPr>
        <i/>
        <sz val="12"/>
        <rFont val="Calibri"/>
        <family val="2"/>
        <scheme val="minor"/>
      </rPr>
      <t>et al</t>
    </r>
    <r>
      <rPr>
        <sz val="12"/>
        <rFont val="Calibri"/>
        <family val="2"/>
        <scheme val="minor"/>
      </rPr>
      <t>. (2023) Geochem. Persp. Let. 24, 48-52 | doi: 10.7185/geochemlet.2305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>
    <font>
      <sz val="12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vertAlign val="subscript"/>
      <sz val="12"/>
      <color theme="1"/>
      <name val="Calibri (Body)"/>
    </font>
    <font>
      <sz val="12"/>
      <color theme="1"/>
      <name val="Calibri (Body)"/>
    </font>
    <font>
      <u/>
      <sz val="12"/>
      <color theme="1"/>
      <name val="Calibri (Body)"/>
    </font>
    <font>
      <sz val="12"/>
      <name val="Calibri"/>
      <family val="2"/>
      <scheme val="minor"/>
    </font>
    <font>
      <i/>
      <sz val="12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double">
        <color indexed="64"/>
      </bottom>
      <diagonal/>
    </border>
  </borders>
  <cellStyleXfs count="1">
    <xf numFmtId="0" fontId="0" fillId="0" borderId="0"/>
  </cellStyleXfs>
  <cellXfs count="23">
    <xf numFmtId="0" fontId="0" fillId="0" borderId="0" xfId="0"/>
    <xf numFmtId="0" fontId="0" fillId="0" borderId="0" xfId="0" applyAlignment="1">
      <alignment horizontal="center" vertical="top"/>
    </xf>
    <xf numFmtId="0" fontId="0" fillId="0" borderId="0" xfId="0" applyAlignment="1">
      <alignment horizontal="center"/>
    </xf>
    <xf numFmtId="0" fontId="0" fillId="0" borderId="1" xfId="0" applyBorder="1"/>
    <xf numFmtId="0" fontId="0" fillId="0" borderId="1" xfId="0" applyBorder="1" applyAlignment="1">
      <alignment horizontal="center" vertical="top"/>
    </xf>
    <xf numFmtId="0" fontId="0" fillId="0" borderId="1" xfId="0" applyBorder="1" applyAlignment="1">
      <alignment horizontal="center"/>
    </xf>
    <xf numFmtId="0" fontId="0" fillId="0" borderId="2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1" fillId="0" borderId="3" xfId="0" applyFont="1" applyBorder="1" applyAlignment="1">
      <alignment horizontal="left" vertical="top"/>
    </xf>
    <xf numFmtId="49" fontId="1" fillId="0" borderId="4" xfId="0" applyNumberFormat="1" applyFont="1" applyBorder="1" applyAlignment="1">
      <alignment horizontal="center" vertical="top" wrapText="1"/>
    </xf>
    <xf numFmtId="0" fontId="1" fillId="0" borderId="4" xfId="0" applyFont="1" applyBorder="1" applyAlignment="1">
      <alignment horizontal="center" vertical="top"/>
    </xf>
    <xf numFmtId="0" fontId="1" fillId="0" borderId="8" xfId="0" applyFont="1" applyBorder="1" applyAlignment="1">
      <alignment horizontal="center" vertical="top"/>
    </xf>
    <xf numFmtId="0" fontId="0" fillId="0" borderId="10" xfId="0" applyBorder="1" applyAlignment="1">
      <alignment vertical="center"/>
    </xf>
    <xf numFmtId="0" fontId="0" fillId="0" borderId="5" xfId="0" applyBorder="1" applyAlignment="1">
      <alignment vertical="center"/>
    </xf>
    <xf numFmtId="0" fontId="0" fillId="0" borderId="0" xfId="0" applyAlignment="1">
      <alignment vertical="center"/>
    </xf>
    <xf numFmtId="0" fontId="0" fillId="0" borderId="6" xfId="0" applyBorder="1" applyAlignment="1">
      <alignment vertical="center"/>
    </xf>
    <xf numFmtId="1" fontId="0" fillId="0" borderId="0" xfId="0" applyNumberFormat="1" applyAlignment="1">
      <alignment horizontal="center" vertical="center"/>
    </xf>
    <xf numFmtId="0" fontId="0" fillId="0" borderId="7" xfId="0" applyBorder="1" applyAlignment="1">
      <alignment vertical="center"/>
    </xf>
    <xf numFmtId="0" fontId="0" fillId="0" borderId="11" xfId="0" applyBorder="1" applyAlignment="1">
      <alignment vertical="center"/>
    </xf>
    <xf numFmtId="0" fontId="0" fillId="0" borderId="9" xfId="0" applyBorder="1" applyAlignment="1">
      <alignment horizontal="left" vertical="center"/>
    </xf>
    <xf numFmtId="0" fontId="0" fillId="0" borderId="10" xfId="0" applyBorder="1" applyAlignment="1">
      <alignment horizontal="left" vertical="center"/>
    </xf>
    <xf numFmtId="0" fontId="5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39143</xdr:colOff>
      <xdr:row>0</xdr:row>
      <xdr:rowOff>19572</xdr:rowOff>
    </xdr:from>
    <xdr:to>
      <xdr:col>2</xdr:col>
      <xdr:colOff>364582</xdr:colOff>
      <xdr:row>4</xdr:row>
      <xdr:rowOff>107801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91B8214A-5226-4C45-B14B-7F9F0D1E263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39143" y="19572"/>
          <a:ext cx="2191295" cy="897202"/>
        </a:xfrm>
        <a:prstGeom prst="rect">
          <a:avLst/>
        </a:prstGeom>
      </xdr:spPr>
    </xdr:pic>
    <xdr:clientData/>
  </xdr:twoCellAnchor>
  <xdr:twoCellAnchor>
    <xdr:from>
      <xdr:col>4</xdr:col>
      <xdr:colOff>0</xdr:colOff>
      <xdr:row>0</xdr:row>
      <xdr:rowOff>0</xdr:rowOff>
    </xdr:from>
    <xdr:to>
      <xdr:col>5</xdr:col>
      <xdr:colOff>44275</xdr:colOff>
      <xdr:row>3</xdr:row>
      <xdr:rowOff>105004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E31024CF-C270-462D-BF94-5290F2CC085E}"/>
            </a:ext>
          </a:extLst>
        </xdr:cNvPr>
        <xdr:cNvSpPr txBox="1">
          <a:spLocks noChangeArrowheads="1"/>
        </xdr:cNvSpPr>
      </xdr:nvSpPr>
      <xdr:spPr bwMode="auto">
        <a:xfrm>
          <a:off x="4801644" y="0"/>
          <a:ext cx="4761107" cy="71173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Malaspina </a:t>
          </a:r>
          <a:r>
            <a:rPr lang="en-US" altLang="en-US" sz="1400" b="1" i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t al</a:t>
          </a: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.</a:t>
          </a:r>
        </a:p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Geochemical evolution of melt/peridotite interaction at high pressure in subduction zones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E27"/>
  <sheetViews>
    <sheetView tabSelected="1" topLeftCell="A9" zoomScale="146" zoomScaleNormal="146" workbookViewId="0">
      <selection activeCell="E26" sqref="E26"/>
    </sheetView>
  </sheetViews>
  <sheetFormatPr defaultColWidth="11" defaultRowHeight="15.75"/>
  <cols>
    <col min="2" max="2" width="13.5" style="1" customWidth="1"/>
    <col min="3" max="3" width="15.375" style="2" customWidth="1"/>
    <col min="4" max="4" width="23.125" customWidth="1"/>
    <col min="5" max="5" width="61.875" customWidth="1"/>
  </cols>
  <sheetData>
    <row r="6" spans="1:5" ht="16.5" thickBot="1">
      <c r="A6" s="3" t="s">
        <v>47</v>
      </c>
      <c r="B6" s="4"/>
      <c r="C6" s="5"/>
      <c r="D6" s="3"/>
      <c r="E6" s="3"/>
    </row>
    <row r="7" spans="1:5" s="1" customFormat="1" ht="48" thickTop="1">
      <c r="A7" s="9" t="s">
        <v>0</v>
      </c>
      <c r="B7" s="10" t="s">
        <v>7</v>
      </c>
      <c r="C7" s="11" t="s">
        <v>1</v>
      </c>
      <c r="D7" s="11" t="s">
        <v>2</v>
      </c>
      <c r="E7" s="12" t="s">
        <v>3</v>
      </c>
    </row>
    <row r="8" spans="1:5" s="15" customFormat="1" ht="19.5">
      <c r="A8" s="14" t="s">
        <v>4</v>
      </c>
      <c r="B8" s="6">
        <v>0</v>
      </c>
      <c r="C8" s="6" t="s">
        <v>8</v>
      </c>
      <c r="D8" s="6" t="s">
        <v>29</v>
      </c>
      <c r="E8" s="20" t="s">
        <v>27</v>
      </c>
    </row>
    <row r="9" spans="1:5" s="15" customFormat="1" ht="19.5">
      <c r="A9" s="16" t="s">
        <v>5</v>
      </c>
      <c r="B9" s="7">
        <v>0</v>
      </c>
      <c r="C9" s="7" t="s">
        <v>8</v>
      </c>
      <c r="D9" s="7" t="s">
        <v>30</v>
      </c>
      <c r="E9" s="21" t="s">
        <v>28</v>
      </c>
    </row>
    <row r="10" spans="1:5" s="15" customFormat="1" ht="19.5">
      <c r="A10" s="16" t="s">
        <v>6</v>
      </c>
      <c r="B10" s="7">
        <v>0</v>
      </c>
      <c r="C10" s="7" t="s">
        <v>8</v>
      </c>
      <c r="D10" s="7" t="s">
        <v>31</v>
      </c>
      <c r="E10" s="21" t="s">
        <v>32</v>
      </c>
    </row>
    <row r="11" spans="1:5" s="15" customFormat="1" ht="19.5">
      <c r="A11" s="16" t="s">
        <v>9</v>
      </c>
      <c r="B11" s="7">
        <v>5</v>
      </c>
      <c r="C11" s="7" t="s">
        <v>10</v>
      </c>
      <c r="D11" s="7" t="s">
        <v>33</v>
      </c>
      <c r="E11" s="13" t="s">
        <v>36</v>
      </c>
    </row>
    <row r="12" spans="1:5" s="15" customFormat="1" ht="19.5">
      <c r="A12" s="16" t="s">
        <v>11</v>
      </c>
      <c r="B12" s="17">
        <v>8.9</v>
      </c>
      <c r="C12" s="7" t="s">
        <v>22</v>
      </c>
      <c r="D12" s="7" t="s">
        <v>25</v>
      </c>
      <c r="E12" s="13" t="s">
        <v>41</v>
      </c>
    </row>
    <row r="13" spans="1:5" s="15" customFormat="1" ht="19.5">
      <c r="A13" s="16" t="s">
        <v>12</v>
      </c>
      <c r="B13" s="7">
        <v>16</v>
      </c>
      <c r="C13" s="7" t="s">
        <v>8</v>
      </c>
      <c r="D13" s="7" t="s">
        <v>37</v>
      </c>
      <c r="E13" s="21" t="s">
        <v>38</v>
      </c>
    </row>
    <row r="14" spans="1:5" s="15" customFormat="1" ht="19.5">
      <c r="A14" s="16" t="s">
        <v>24</v>
      </c>
      <c r="B14" s="7">
        <v>16</v>
      </c>
      <c r="C14" s="7" t="s">
        <v>8</v>
      </c>
      <c r="D14" s="7" t="s">
        <v>37</v>
      </c>
      <c r="E14" s="21" t="s">
        <v>38</v>
      </c>
    </row>
    <row r="15" spans="1:5" s="15" customFormat="1" ht="19.5">
      <c r="A15" s="16" t="s">
        <v>13</v>
      </c>
      <c r="B15" s="7">
        <v>22</v>
      </c>
      <c r="C15" s="7" t="s">
        <v>22</v>
      </c>
      <c r="D15" s="7" t="s">
        <v>23</v>
      </c>
      <c r="E15" s="13" t="s">
        <v>39</v>
      </c>
    </row>
    <row r="16" spans="1:5" s="15" customFormat="1" ht="19.5">
      <c r="A16" s="16" t="s">
        <v>14</v>
      </c>
      <c r="B16" s="17">
        <v>26.8</v>
      </c>
      <c r="C16" s="7" t="s">
        <v>22</v>
      </c>
      <c r="D16" s="7" t="s">
        <v>34</v>
      </c>
      <c r="E16" s="13" t="s">
        <v>40</v>
      </c>
    </row>
    <row r="17" spans="1:5" s="15" customFormat="1" ht="19.5">
      <c r="A17" s="16" t="s">
        <v>15</v>
      </c>
      <c r="B17" s="7">
        <v>30</v>
      </c>
      <c r="C17" s="7" t="s">
        <v>8</v>
      </c>
      <c r="D17" s="7" t="s">
        <v>37</v>
      </c>
      <c r="E17" s="21" t="s">
        <v>38</v>
      </c>
    </row>
    <row r="18" spans="1:5" s="15" customFormat="1" ht="19.5">
      <c r="A18" s="16" t="s">
        <v>16</v>
      </c>
      <c r="B18" s="7">
        <v>30</v>
      </c>
      <c r="C18" s="7" t="s">
        <v>8</v>
      </c>
      <c r="D18" s="7" t="s">
        <v>37</v>
      </c>
      <c r="E18" s="21" t="s">
        <v>38</v>
      </c>
    </row>
    <row r="19" spans="1:5" s="15" customFormat="1" ht="19.5">
      <c r="A19" s="16" t="s">
        <v>17</v>
      </c>
      <c r="B19" s="17">
        <v>48.8</v>
      </c>
      <c r="C19" s="7" t="s">
        <v>22</v>
      </c>
      <c r="D19" s="7" t="s">
        <v>43</v>
      </c>
      <c r="E19" s="13" t="s">
        <v>44</v>
      </c>
    </row>
    <row r="20" spans="1:5" s="15" customFormat="1" ht="19.5">
      <c r="A20" s="16" t="s">
        <v>18</v>
      </c>
      <c r="B20" s="17">
        <v>51.3</v>
      </c>
      <c r="C20" s="7" t="s">
        <v>22</v>
      </c>
      <c r="D20" s="7" t="s">
        <v>25</v>
      </c>
      <c r="E20" s="13" t="s">
        <v>41</v>
      </c>
    </row>
    <row r="21" spans="1:5" s="15" customFormat="1" ht="19.5">
      <c r="A21" s="16" t="s">
        <v>19</v>
      </c>
      <c r="B21" s="17">
        <v>57.33</v>
      </c>
      <c r="C21" s="7" t="s">
        <v>22</v>
      </c>
      <c r="D21" s="7" t="s">
        <v>35</v>
      </c>
      <c r="E21" s="13" t="s">
        <v>40</v>
      </c>
    </row>
    <row r="22" spans="1:5" s="15" customFormat="1" ht="19.5">
      <c r="A22" s="16" t="s">
        <v>20</v>
      </c>
      <c r="B22" s="7">
        <v>80</v>
      </c>
      <c r="C22" s="7" t="s">
        <v>22</v>
      </c>
      <c r="D22" s="7" t="s">
        <v>26</v>
      </c>
      <c r="E22" s="13" t="s">
        <v>42</v>
      </c>
    </row>
    <row r="23" spans="1:5" s="15" customFormat="1" ht="20.25" thickBot="1">
      <c r="A23" s="18" t="s">
        <v>21</v>
      </c>
      <c r="B23" s="8">
        <v>108</v>
      </c>
      <c r="C23" s="8" t="s">
        <v>22</v>
      </c>
      <c r="D23" s="8" t="s">
        <v>26</v>
      </c>
      <c r="E23" s="19" t="s">
        <v>42</v>
      </c>
    </row>
    <row r="24" spans="1:5" ht="16.5" thickTop="1"/>
    <row r="25" spans="1:5">
      <c r="A25" s="22" t="s">
        <v>48</v>
      </c>
    </row>
    <row r="26" spans="1:5">
      <c r="A26" t="s">
        <v>45</v>
      </c>
    </row>
    <row r="27" spans="1:5">
      <c r="A27" t="s">
        <v>46</v>
      </c>
    </row>
  </sheetData>
  <pageMargins left="0.7" right="0.7" top="0.75" bottom="0.75" header="0.3" footer="0.3"/>
  <pageSetup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Nicola McLoughlin</cp:lastModifiedBy>
  <dcterms:created xsi:type="dcterms:W3CDTF">2022-04-05T13:35:05Z</dcterms:created>
  <dcterms:modified xsi:type="dcterms:W3CDTF">2023-02-10T09:29:16Z</dcterms:modified>
</cp:coreProperties>
</file>